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C44E99" w14:textId="77777777" w:rsidR="0063794A" w:rsidRPr="002E26AA" w:rsidRDefault="0063794A" w:rsidP="0063794A">
      <w:pPr>
        <w:rPr>
          <w:b/>
          <w:bCs/>
          <w:lang w:val="en-CA"/>
        </w:rPr>
      </w:pPr>
      <w:r w:rsidRPr="002E26AA">
        <w:rPr>
          <w:b/>
          <w:bCs/>
          <w:lang w:val="en-CA"/>
        </w:rPr>
        <w:t>The supervisor letter</w:t>
      </w:r>
    </w:p>
    <w:p w14:paraId="690806DE" w14:textId="31D087D6" w:rsidR="0063794A" w:rsidRPr="0063794A" w:rsidRDefault="0063794A" w:rsidP="0063794A">
      <w:pPr>
        <w:rPr>
          <w:lang w:val="en-US"/>
        </w:rPr>
      </w:pPr>
      <w:r w:rsidRPr="0063794A">
        <w:rPr>
          <w:lang w:val="en-US"/>
        </w:rPr>
        <w:t>Developed as a tool in Denmark and widely used at Aarhus University, a supervisor letter is a statement written by the supervisor to new and prospective students outlining their views on how supervision should proceed. It works best when worded as a discussion paper (e.g. ‘Here is what I think we should do. What do you think?’). The letter also offers the opportunity to highlight any aspects of your supervision that cannot be negotiated (e.g. ‘I cannot offer email contact during weekends’).</w:t>
      </w:r>
    </w:p>
    <w:p w14:paraId="73FC50D5" w14:textId="77777777" w:rsidR="0063794A" w:rsidRPr="002E26AA" w:rsidRDefault="0063794A" w:rsidP="0063794A">
      <w:pPr>
        <w:rPr>
          <w:lang w:val="en-CA"/>
        </w:rPr>
      </w:pPr>
      <w:r w:rsidRPr="0063794A">
        <w:rPr>
          <w:lang w:val="en-US"/>
        </w:rPr>
        <w:t>Let your new students read the letter and then invite them for a discussion. Make sure they understand that the content (or at least parts of it) is up for negotiation.</w:t>
      </w:r>
      <w:r w:rsidRPr="0063794A">
        <w:rPr>
          <w:lang w:val="en-US"/>
        </w:rPr>
        <w:br/>
      </w:r>
      <w:r w:rsidRPr="0063794A">
        <w:rPr>
          <w:lang w:val="en-US"/>
        </w:rPr>
        <w:br/>
      </w:r>
      <w:r w:rsidRPr="002E26AA">
        <w:rPr>
          <w:b/>
          <w:bCs/>
          <w:lang w:val="en-CA"/>
        </w:rPr>
        <w:t>Suggestions for points to address in a supervisor letter:</w:t>
      </w:r>
    </w:p>
    <w:p w14:paraId="31B5E195" w14:textId="77777777" w:rsidR="0063794A" w:rsidRPr="0063794A" w:rsidRDefault="0063794A" w:rsidP="0063794A">
      <w:pPr>
        <w:rPr>
          <w:lang w:val="en-US"/>
        </w:rPr>
      </w:pPr>
      <w:r w:rsidRPr="0063794A">
        <w:rPr>
          <w:lang w:val="en-US"/>
        </w:rPr>
        <w:br/>
      </w:r>
      <w:r w:rsidRPr="0063794A">
        <w:rPr>
          <w:b/>
          <w:bCs/>
          <w:i/>
          <w:iCs/>
          <w:lang w:val="en-US"/>
        </w:rPr>
        <w:t>1)    About the research project &amp; the education</w:t>
      </w:r>
    </w:p>
    <w:p w14:paraId="5C2D8DCD" w14:textId="0B967E16" w:rsidR="0063794A" w:rsidRPr="0063794A" w:rsidRDefault="0063794A" w:rsidP="0063794A">
      <w:pPr>
        <w:rPr>
          <w:lang w:val="en-US"/>
        </w:rPr>
      </w:pPr>
      <w:r w:rsidRPr="0063794A">
        <w:rPr>
          <w:i/>
          <w:iCs/>
          <w:lang w:val="en-US"/>
        </w:rPr>
        <w:t>Roles of responsibility (including that of other group members or co-supervisors), expected levels of independence, dividing time between tasks (research, teaching, courses, outreach etc.), establishing a scientific network, scientific conduct.</w:t>
      </w:r>
    </w:p>
    <w:p w14:paraId="5AA5D726" w14:textId="77777777" w:rsidR="0063794A" w:rsidRPr="002E26AA" w:rsidRDefault="0063794A" w:rsidP="0063794A">
      <w:pPr>
        <w:rPr>
          <w:lang w:val="en-CA"/>
        </w:rPr>
      </w:pPr>
      <w:r w:rsidRPr="002E26AA">
        <w:rPr>
          <w:b/>
          <w:bCs/>
          <w:i/>
          <w:iCs/>
          <w:lang w:val="en-CA"/>
        </w:rPr>
        <w:t>2)    About communication</w:t>
      </w:r>
    </w:p>
    <w:p w14:paraId="273BB94D" w14:textId="77777777" w:rsidR="0063794A" w:rsidRPr="0063794A" w:rsidRDefault="0063794A" w:rsidP="0063794A">
      <w:pPr>
        <w:rPr>
          <w:lang w:val="en-US"/>
        </w:rPr>
      </w:pPr>
      <w:r w:rsidRPr="0063794A">
        <w:rPr>
          <w:i/>
          <w:iCs/>
          <w:lang w:val="en-US"/>
        </w:rPr>
        <w:t>Your availability for supervision, meeting frequency, how students prepare for supervisory meetings, keeping record of discussions and agreements, how you address other issues than research-related topics (e.g. well-being), means of communication (mail, F2F etc.).</w:t>
      </w:r>
    </w:p>
    <w:p w14:paraId="39409969" w14:textId="77777777" w:rsidR="0063794A" w:rsidRPr="002E26AA" w:rsidRDefault="0063794A" w:rsidP="0063794A">
      <w:pPr>
        <w:rPr>
          <w:lang w:val="en-CA"/>
        </w:rPr>
      </w:pPr>
      <w:r w:rsidRPr="002E26AA">
        <w:rPr>
          <w:b/>
          <w:bCs/>
          <w:i/>
          <w:iCs/>
          <w:lang w:val="en-CA"/>
        </w:rPr>
        <w:t>3)    About feedback and writing</w:t>
      </w:r>
    </w:p>
    <w:p w14:paraId="7E4A3432" w14:textId="5A9B3C3B" w:rsidR="0063794A" w:rsidRPr="0063794A" w:rsidRDefault="0063794A" w:rsidP="0063794A">
      <w:pPr>
        <w:rPr>
          <w:lang w:val="en-US"/>
        </w:rPr>
      </w:pPr>
      <w:r w:rsidRPr="0063794A">
        <w:rPr>
          <w:i/>
          <w:iCs/>
          <w:lang w:val="en-US"/>
        </w:rPr>
        <w:t>What you provide feedback on, the type of feedback provided, co-authorships and co-writing, expectations for the</w:t>
      </w:r>
      <w:r w:rsidR="00022C07">
        <w:rPr>
          <w:rStyle w:val="CommentReference"/>
        </w:rPr>
        <w:t xml:space="preserve">qualifying exam report and </w:t>
      </w:r>
      <w:r w:rsidRPr="0063794A">
        <w:rPr>
          <w:i/>
          <w:iCs/>
          <w:lang w:val="en-US"/>
        </w:rPr>
        <w:t>PhD thesis.</w:t>
      </w:r>
    </w:p>
    <w:p w14:paraId="7FC1674F" w14:textId="77777777" w:rsidR="0063794A" w:rsidRPr="002E26AA" w:rsidRDefault="0063794A" w:rsidP="0063794A">
      <w:pPr>
        <w:rPr>
          <w:lang w:val="en-CA"/>
        </w:rPr>
      </w:pPr>
      <w:r w:rsidRPr="002E26AA">
        <w:rPr>
          <w:b/>
          <w:bCs/>
          <w:i/>
          <w:iCs/>
          <w:lang w:val="en-CA"/>
        </w:rPr>
        <w:t>4)    About practical matters</w:t>
      </w:r>
    </w:p>
    <w:p w14:paraId="39A5395C" w14:textId="77777777" w:rsidR="0063794A" w:rsidRPr="0063794A" w:rsidRDefault="0063794A" w:rsidP="0063794A">
      <w:pPr>
        <w:rPr>
          <w:lang w:val="en-US"/>
        </w:rPr>
      </w:pPr>
      <w:r w:rsidRPr="0063794A">
        <w:rPr>
          <w:i/>
          <w:iCs/>
          <w:lang w:val="en-US"/>
        </w:rPr>
        <w:t>Lab safety, logbook, half-year evaluations, finances, administrative support, holiday planning, working hours, illness etc.</w:t>
      </w:r>
    </w:p>
    <w:p w14:paraId="627BCEF4" w14:textId="77777777" w:rsidR="00404FD1" w:rsidRPr="0063794A" w:rsidRDefault="00404FD1" w:rsidP="007146EF">
      <w:pPr>
        <w:rPr>
          <w:lang w:val="en-US"/>
        </w:rPr>
      </w:pPr>
    </w:p>
    <w:sectPr w:rsidR="00404FD1" w:rsidRPr="0063794A" w:rsidSect="00D27191">
      <w:headerReference w:type="even" r:id="rId10"/>
      <w:headerReference w:type="default" r:id="rId11"/>
      <w:footerReference w:type="even" r:id="rId12"/>
      <w:footerReference w:type="default" r:id="rId13"/>
      <w:headerReference w:type="first" r:id="rId14"/>
      <w:footerReference w:type="first" r:id="rId15"/>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3EFB4E3" w14:textId="77777777" w:rsidR="0063794A" w:rsidRPr="005A5846" w:rsidRDefault="0063794A">
      <w:r w:rsidRPr="005A5846">
        <w:separator/>
      </w:r>
    </w:p>
  </w:endnote>
  <w:endnote w:type="continuationSeparator" w:id="0">
    <w:p w14:paraId="0CF1A794" w14:textId="77777777" w:rsidR="0063794A" w:rsidRPr="005A5846" w:rsidRDefault="0063794A">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800FAA83-0FCF-4858-981F-C57F273D077A}"/>
    <w:embedBold r:id="rId2" w:fontKey="{E22985CA-5EB9-4AE3-8A8D-309D32651651}"/>
    <w:embedItalic r:id="rId3" w:fontKey="{EFAE4AA1-42C5-4146-95CC-1303D781BC05}"/>
    <w:embedBoldItalic r:id="rId4" w:fontKey="{16BB8F57-08B3-4E46-9A4E-1C42AB547B31}"/>
  </w:font>
  <w:font w:name="Calibri">
    <w:panose1 w:val="020F0502020204030204"/>
    <w:charset w:val="00"/>
    <w:family w:val="swiss"/>
    <w:pitch w:val="variable"/>
    <w:sig w:usb0="E4002EFF" w:usb1="C200247B" w:usb2="00000009" w:usb3="00000000" w:csb0="000001FF" w:csb1="00000000"/>
    <w:embedRegular r:id="rId5" w:fontKey="{D09DD32B-355F-47A4-952F-CA38E3CD5973}"/>
    <w:embedBold r:id="rId6" w:fontKey="{09622025-EE7F-435D-A2EB-E1A24C26F806}"/>
    <w:embedItalic r:id="rId7" w:fontKey="{4E736C27-821D-48BA-86E8-F47AB8C2198B}"/>
    <w:embedBoldItalic r:id="rId8" w:fontKey="{A175246B-708F-43F7-9ACB-64816A36151E}"/>
  </w:font>
  <w:font w:name="AU Passata Light">
    <w:altName w:val="Calibri"/>
    <w:panose1 w:val="020B0303030902030804"/>
    <w:charset w:val="00"/>
    <w:family w:val="swiss"/>
    <w:pitch w:val="variable"/>
    <w:sig w:usb0="A00000AF" w:usb1="5000204A" w:usb2="00000000" w:usb3="00000000" w:csb0="0000009B" w:csb1="00000000"/>
    <w:embedRegular r:id="rId9" w:fontKey="{84E9AF35-D692-4C64-AF54-5FC496F0A5CF}"/>
  </w:font>
  <w:font w:name="AU Passata">
    <w:altName w:val="Calibri"/>
    <w:panose1 w:val="020B0503030502030804"/>
    <w:charset w:val="00"/>
    <w:family w:val="swiss"/>
    <w:pitch w:val="variable"/>
    <w:sig w:usb0="A00000AF" w:usb1="5000204A" w:usb2="00000000" w:usb3="00000000" w:csb0="0000009B" w:csb1="00000000"/>
    <w:embedRegular r:id="rId10" w:fontKey="{BA5C581D-5206-4DD5-8916-EE6EF4BA8F9F}"/>
    <w:embedBold r:id="rId11" w:fontKey="{62E72BD8-3AD7-4909-93CF-C8FD60E6E9C6}"/>
    <w:embedItalic r:id="rId12" w:fontKey="{D5D48D87-9A9A-4A07-BA4A-063350F31E1E}"/>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4AB78194-C4FA-4F9A-AF63-B1716E2964AF}"/>
  </w:font>
  <w:font w:name="Tahoma">
    <w:panose1 w:val="020B0604030504040204"/>
    <w:charset w:val="00"/>
    <w:family w:val="swiss"/>
    <w:pitch w:val="variable"/>
    <w:sig w:usb0="E1002EFF" w:usb1="C000605B" w:usb2="00000029" w:usb3="00000000" w:csb0="000101FF" w:csb1="00000000"/>
    <w:embedRegular r:id="rId14" w:fontKey="{5BD51DCA-E1C5-46D1-BD51-B0DB18CF9FF2}"/>
  </w:font>
  <w:font w:name="Cambria">
    <w:panose1 w:val="02040503050406030204"/>
    <w:charset w:val="00"/>
    <w:family w:val="roman"/>
    <w:pitch w:val="variable"/>
    <w:sig w:usb0="E00006FF" w:usb1="420024FF" w:usb2="02000000" w:usb3="00000000" w:csb0="0000019F" w:csb1="00000000"/>
    <w:embedRegular r:id="rId15" w:fontKey="{654034F0-8E4D-4C23-A7CA-0422972A2B63}"/>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AF69BC" w14:textId="77777777" w:rsidR="006D5CFC" w:rsidRPr="005A5846"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F4A1C4" w14:textId="77777777" w:rsidR="00336DC5" w:rsidRPr="005A5846"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9F1D01" w14:textId="77777777" w:rsidR="00CB7E17" w:rsidRPr="005A5846"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D17814" w14:textId="77777777" w:rsidR="0063794A" w:rsidRPr="005A5846" w:rsidRDefault="0063794A">
      <w:r w:rsidRPr="005A5846">
        <w:separator/>
      </w:r>
    </w:p>
  </w:footnote>
  <w:footnote w:type="continuationSeparator" w:id="0">
    <w:p w14:paraId="4ABEA2FB" w14:textId="77777777" w:rsidR="0063794A" w:rsidRPr="005A5846" w:rsidRDefault="0063794A">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45F729" w14:textId="77777777" w:rsidR="006D5CFC" w:rsidRPr="005A5846"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CAEA6E" w14:textId="77777777" w:rsidR="00160373" w:rsidRPr="005A5846"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2EDA20" w14:textId="77777777" w:rsidR="00160373" w:rsidRPr="005A5846"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3794A"/>
    <w:rsid w:val="000011FF"/>
    <w:rsid w:val="00003B6C"/>
    <w:rsid w:val="000221B7"/>
    <w:rsid w:val="00022C0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26AA"/>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D5EB0"/>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5846"/>
    <w:rsid w:val="005A641C"/>
    <w:rsid w:val="005B1DAA"/>
    <w:rsid w:val="005B34A3"/>
    <w:rsid w:val="005C13F3"/>
    <w:rsid w:val="005C7510"/>
    <w:rsid w:val="005D11FE"/>
    <w:rsid w:val="005D5DAA"/>
    <w:rsid w:val="005E6CB9"/>
    <w:rsid w:val="005E7195"/>
    <w:rsid w:val="005F36CE"/>
    <w:rsid w:val="00601BB3"/>
    <w:rsid w:val="0060260C"/>
    <w:rsid w:val="006033CC"/>
    <w:rsid w:val="0060539C"/>
    <w:rsid w:val="00614E08"/>
    <w:rsid w:val="00620C41"/>
    <w:rsid w:val="00620D0B"/>
    <w:rsid w:val="0063794A"/>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6435"/>
    <w:rsid w:val="007B1EF5"/>
    <w:rsid w:val="007B3386"/>
    <w:rsid w:val="007C0864"/>
    <w:rsid w:val="007C1953"/>
    <w:rsid w:val="007C5679"/>
    <w:rsid w:val="007C5681"/>
    <w:rsid w:val="007E1BD8"/>
    <w:rsid w:val="007F0B29"/>
    <w:rsid w:val="007F0DC0"/>
    <w:rsid w:val="007F28D1"/>
    <w:rsid w:val="00816191"/>
    <w:rsid w:val="00835D85"/>
    <w:rsid w:val="00845E23"/>
    <w:rsid w:val="00851407"/>
    <w:rsid w:val="00855AD5"/>
    <w:rsid w:val="00863559"/>
    <w:rsid w:val="00876EC4"/>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37A45"/>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03E4"/>
    <w:rsid w:val="00A11327"/>
    <w:rsid w:val="00A13639"/>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07522"/>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889B221"/>
  <w15:docId w15:val="{1F24AA0E-EBF5-4DB0-B450-F693993FE9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lang w:val="en-GB"/>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97019\AppData\Local\Temp\Templafy\WordVsto\524q4aks.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524q4aks</Template>
  <TotalTime>3</TotalTime>
  <Pages>1</Pages>
  <Words>244</Words>
  <Characters>1427</Characters>
  <Application>Microsoft Office Word</Application>
  <DocSecurity>0</DocSecurity>
  <Lines>25</Lines>
  <Paragraphs>2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6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Diego Abalos</dc:creator>
  <cp:lastModifiedBy>Karina Rysholt Christensen</cp:lastModifiedBy>
  <cp:revision>3</cp:revision>
  <dcterms:created xsi:type="dcterms:W3CDTF">2025-11-06T13:40:00Z</dcterms:created>
  <dcterms:modified xsi:type="dcterms:W3CDTF">2025-11-07T11: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053689814876770</vt:lpwstr>
  </property>
  <property fmtid="{D5CDD505-2E9C-101B-9397-08002B2CF9AE}" pid="9" name="TemplafyLanguageCode">
    <vt:lpwstr>en-GB</vt:lpwstr>
  </property>
  <property fmtid="{D5CDD505-2E9C-101B-9397-08002B2CF9AE}" pid="10" name="TemplafyFromBlank">
    <vt:bool>true</vt:bool>
  </property>
</Properties>
</file>